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0\group\03_経理・債権管理適正化グループ\R7\07_財産関係（自販機、営繕工事ほか）\08_自動販売機\02_県税事務所等（R8～R10）、本庁舎等（缶・ペットボトル）R8のみ\02_入札公告\04_財産経営課へ送付（修正後）\02_修正作業\"/>
    </mc:Choice>
  </mc:AlternateContent>
  <xr:revisionPtr revIDLastSave="0" documentId="13_ncr:1_{671AF8E4-3574-4585-BCEC-39BCEF4C0E21}" xr6:coauthVersionLast="47" xr6:coauthVersionMax="47" xr10:uidLastSave="{00000000-0000-0000-0000-000000000000}"/>
  <bookViews>
    <workbookView xWindow="-120" yWindow="-120" windowWidth="29040" windowHeight="15720" xr2:uid="{28B8B3FA-A15D-478F-9FFE-6A34A3CE8C77}"/>
  </bookViews>
  <sheets>
    <sheet name="入札物件番号２" sheetId="5" r:id="rId1"/>
  </sheets>
  <definedNames>
    <definedName name="_xlnm.Print_Area" localSheetId="0">入札物件番号２!$A$1:$G$3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6" i="5" l="1"/>
  <c r="F7" i="5"/>
  <c r="F8" i="5"/>
  <c r="F10" i="5"/>
  <c r="F11" i="5"/>
  <c r="F12" i="5"/>
  <c r="F14" i="5"/>
  <c r="F15" i="5"/>
  <c r="F16" i="5"/>
  <c r="F18" i="5"/>
  <c r="F19" i="5"/>
  <c r="F20" i="5"/>
  <c r="F22" i="5"/>
  <c r="F23" i="5"/>
  <c r="F24" i="5"/>
  <c r="F26" i="5"/>
  <c r="F27" i="5"/>
  <c r="F28" i="5"/>
  <c r="F30" i="5"/>
  <c r="D36" i="5"/>
  <c r="E36" i="5"/>
  <c r="D35" i="5"/>
  <c r="E35" i="5"/>
  <c r="D34" i="5"/>
  <c r="E34" i="5"/>
  <c r="E25" i="5"/>
  <c r="D25" i="5"/>
  <c r="E29" i="5"/>
  <c r="D29" i="5"/>
  <c r="E17" i="5"/>
  <c r="D17" i="5"/>
  <c r="E13" i="5"/>
  <c r="D13" i="5"/>
  <c r="F13" i="5" s="1"/>
  <c r="E9" i="5"/>
  <c r="D9" i="5"/>
  <c r="F9" i="5" s="1"/>
  <c r="E21" i="5"/>
  <c r="D21" i="5"/>
  <c r="D5" i="5"/>
  <c r="E5" i="5"/>
  <c r="F17" i="5" l="1"/>
  <c r="F5" i="5"/>
  <c r="F25" i="5"/>
  <c r="F21" i="5"/>
  <c r="F29" i="5"/>
  <c r="F35" i="5"/>
  <c r="F36" i="5"/>
  <c r="F34" i="5"/>
  <c r="E33" i="5"/>
  <c r="D33" i="5"/>
  <c r="F33" i="5" l="1"/>
</calcChain>
</file>

<file path=xl/sharedStrings.xml><?xml version="1.0" encoding="utf-8"?>
<sst xmlns="http://schemas.openxmlformats.org/spreadsheetml/2006/main" count="58" uniqueCount="21">
  <si>
    <t>施設名</t>
    <rPh sb="0" eb="2">
      <t>シセツ</t>
    </rPh>
    <rPh sb="2" eb="3">
      <t>メイ</t>
    </rPh>
    <phoneticPr fontId="2"/>
  </si>
  <si>
    <t>番号</t>
    <rPh sb="0" eb="2">
      <t>バンゴウ</t>
    </rPh>
    <phoneticPr fontId="2"/>
  </si>
  <si>
    <t>(単位：円）</t>
    <rPh sb="1" eb="3">
      <t>タンイ</t>
    </rPh>
    <rPh sb="4" eb="5">
      <t>エン</t>
    </rPh>
    <phoneticPr fontId="2"/>
  </si>
  <si>
    <t>年度</t>
    <rPh sb="0" eb="2">
      <t>ネンド</t>
    </rPh>
    <phoneticPr fontId="2"/>
  </si>
  <si>
    <t>計</t>
    <rPh sb="0" eb="1">
      <t>ケイ</t>
    </rPh>
    <phoneticPr fontId="2"/>
  </si>
  <si>
    <t>令和８年度</t>
    <rPh sb="0" eb="2">
      <t>レイワ</t>
    </rPh>
    <rPh sb="3" eb="5">
      <t>ネンド</t>
    </rPh>
    <phoneticPr fontId="2"/>
  </si>
  <si>
    <t>令和９年度</t>
    <rPh sb="0" eb="2">
      <t>レイワ</t>
    </rPh>
    <rPh sb="3" eb="5">
      <t>ネンド</t>
    </rPh>
    <phoneticPr fontId="2"/>
  </si>
  <si>
    <t>令和10年度</t>
    <rPh sb="0" eb="2">
      <t>レイワ</t>
    </rPh>
    <rPh sb="4" eb="6">
      <t>ネンド</t>
    </rPh>
    <phoneticPr fontId="2"/>
  </si>
  <si>
    <t>入札金額内訳書
(入札物件番号・入札件名　２・神奈川自治会館外６施設)</t>
    <rPh sb="0" eb="2">
      <t>ニュウサツ</t>
    </rPh>
    <rPh sb="2" eb="4">
      <t>キンガク</t>
    </rPh>
    <rPh sb="4" eb="6">
      <t>ウチワケ</t>
    </rPh>
    <rPh sb="6" eb="7">
      <t>ショ</t>
    </rPh>
    <rPh sb="9" eb="11">
      <t>ニュウサツ</t>
    </rPh>
    <rPh sb="11" eb="13">
      <t>ブッケン</t>
    </rPh>
    <rPh sb="13" eb="15">
      <t>バンゴウ</t>
    </rPh>
    <rPh sb="16" eb="18">
      <t>ニュウサツ</t>
    </rPh>
    <rPh sb="18" eb="20">
      <t>ケンメイ</t>
    </rPh>
    <rPh sb="23" eb="31">
      <t>カナガワジチカイカンホカ</t>
    </rPh>
    <rPh sb="32" eb="34">
      <t>シセツ</t>
    </rPh>
    <phoneticPr fontId="2"/>
  </si>
  <si>
    <t>神奈川自治会館</t>
    <rPh sb="0" eb="3">
      <t>カナガワ</t>
    </rPh>
    <rPh sb="3" eb="5">
      <t>ジチ</t>
    </rPh>
    <rPh sb="5" eb="7">
      <t>カイカン</t>
    </rPh>
    <phoneticPr fontId="2"/>
  </si>
  <si>
    <t>神奈川県税事務所</t>
    <rPh sb="0" eb="3">
      <t>カナガワ</t>
    </rPh>
    <rPh sb="3" eb="5">
      <t>ケンゼイ</t>
    </rPh>
    <rPh sb="5" eb="7">
      <t>ジム</t>
    </rPh>
    <rPh sb="7" eb="8">
      <t>ショ</t>
    </rPh>
    <phoneticPr fontId="2"/>
  </si>
  <si>
    <t>緑県税事務所</t>
    <rPh sb="0" eb="1">
      <t>ミドリ</t>
    </rPh>
    <rPh sb="1" eb="3">
      <t>ケンゼイ</t>
    </rPh>
    <rPh sb="3" eb="5">
      <t>ジム</t>
    </rPh>
    <rPh sb="5" eb="6">
      <t>ショ</t>
    </rPh>
    <phoneticPr fontId="2"/>
  </si>
  <si>
    <t>戸塚県税事務所</t>
    <rPh sb="0" eb="1">
      <t>ト</t>
    </rPh>
    <rPh sb="1" eb="2">
      <t>ツカ</t>
    </rPh>
    <rPh sb="2" eb="4">
      <t>ケンゼイ</t>
    </rPh>
    <rPh sb="4" eb="6">
      <t>ジム</t>
    </rPh>
    <rPh sb="6" eb="7">
      <t>ショ</t>
    </rPh>
    <phoneticPr fontId="2"/>
  </si>
  <si>
    <t>川崎県税事務所</t>
    <rPh sb="0" eb="2">
      <t>カワサキ</t>
    </rPh>
    <rPh sb="2" eb="4">
      <t>ケンゼイ</t>
    </rPh>
    <rPh sb="4" eb="6">
      <t>ジム</t>
    </rPh>
    <rPh sb="6" eb="7">
      <t>ショ</t>
    </rPh>
    <phoneticPr fontId="2"/>
  </si>
  <si>
    <t>藤沢合同庁舎</t>
    <rPh sb="0" eb="2">
      <t>フジサワ</t>
    </rPh>
    <rPh sb="2" eb="4">
      <t>ゴウドウ</t>
    </rPh>
    <rPh sb="4" eb="6">
      <t>チョウシャ</t>
    </rPh>
    <phoneticPr fontId="2"/>
  </si>
  <si>
    <t>自動車税管理事務所</t>
    <rPh sb="0" eb="3">
      <t>ジドウシャ</t>
    </rPh>
    <rPh sb="3" eb="4">
      <t>ゼイ</t>
    </rPh>
    <rPh sb="4" eb="6">
      <t>カンリ</t>
    </rPh>
    <rPh sb="6" eb="8">
      <t>ジム</t>
    </rPh>
    <rPh sb="8" eb="9">
      <t>ショ</t>
    </rPh>
    <phoneticPr fontId="2"/>
  </si>
  <si>
    <t>　（契約希望金額）</t>
    <rPh sb="2" eb="4">
      <t>ケイヤク</t>
    </rPh>
    <rPh sb="4" eb="6">
      <t>キボウ</t>
    </rPh>
    <rPh sb="6" eb="7">
      <t>キン</t>
    </rPh>
    <rPh sb="7" eb="8">
      <t>ガク</t>
    </rPh>
    <phoneticPr fontId="2"/>
  </si>
  <si>
    <t>貸付料（Ａ）
（税抜き）</t>
    <rPh sb="0" eb="2">
      <t>カシツケ</t>
    </rPh>
    <rPh sb="2" eb="3">
      <t>リョウ</t>
    </rPh>
    <rPh sb="8" eb="9">
      <t>ゼイ</t>
    </rPh>
    <rPh sb="9" eb="10">
      <t>ヌ</t>
    </rPh>
    <phoneticPr fontId="2"/>
  </si>
  <si>
    <t>　　　入札額</t>
    <rPh sb="3" eb="5">
      <t>ニュウサツ</t>
    </rPh>
    <rPh sb="5" eb="6">
      <t>ガク</t>
    </rPh>
    <phoneticPr fontId="2"/>
  </si>
  <si>
    <t>消費税相当額
（Ａ）×10/100</t>
    <rPh sb="0" eb="3">
      <t>ショウヒゼイ</t>
    </rPh>
    <rPh sb="3" eb="5">
      <t>ソウトウ</t>
    </rPh>
    <rPh sb="5" eb="6">
      <t>ガク</t>
    </rPh>
    <phoneticPr fontId="2"/>
  </si>
  <si>
    <t>-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1" formatCode="_ * #,##0_ ;_ * \-#,##0_ ;_ * &quot;-&quot;_ ;_ @_ "/>
  </numFmts>
  <fonts count="6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  <fill>
      <patternFill patternType="solid">
        <fgColor theme="6" tint="0.79998168889431442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6">
    <xf numFmtId="0" fontId="0" fillId="0" borderId="0" xfId="0">
      <alignment vertical="center"/>
    </xf>
    <xf numFmtId="0" fontId="0" fillId="0" borderId="0" xfId="0" applyFill="1">
      <alignment vertical="center"/>
    </xf>
    <xf numFmtId="0" fontId="0" fillId="0" borderId="0" xfId="0" applyFill="1" applyAlignment="1">
      <alignment horizontal="right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vertical="center" wrapText="1"/>
    </xf>
    <xf numFmtId="0" fontId="3" fillId="0" borderId="7" xfId="0" applyFont="1" applyBorder="1" applyAlignment="1">
      <alignment vertical="center" wrapText="1"/>
    </xf>
    <xf numFmtId="0" fontId="3" fillId="0" borderId="7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5" fillId="0" borderId="0" xfId="0" applyFont="1" applyFill="1">
      <alignment vertical="center"/>
    </xf>
    <xf numFmtId="0" fontId="3" fillId="0" borderId="12" xfId="0" applyFont="1" applyBorder="1" applyAlignment="1">
      <alignment vertical="center" wrapText="1"/>
    </xf>
    <xf numFmtId="0" fontId="3" fillId="0" borderId="0" xfId="0" applyFont="1" applyBorder="1" applyAlignment="1">
      <alignment vertical="center" wrapText="1"/>
    </xf>
    <xf numFmtId="0" fontId="3" fillId="0" borderId="13" xfId="0" applyFont="1" applyBorder="1" applyAlignment="1">
      <alignment vertical="center" wrapText="1"/>
    </xf>
    <xf numFmtId="0" fontId="3" fillId="0" borderId="14" xfId="0" applyFont="1" applyBorder="1" applyAlignment="1">
      <alignment vertical="center" wrapText="1"/>
    </xf>
    <xf numFmtId="0" fontId="3" fillId="0" borderId="9" xfId="0" applyFont="1" applyBorder="1" applyAlignment="1">
      <alignment horizontal="center" vertical="center"/>
    </xf>
    <xf numFmtId="41" fontId="5" fillId="0" borderId="1" xfId="1" applyNumberFormat="1" applyFont="1" applyBorder="1">
      <alignment vertical="center"/>
    </xf>
    <xf numFmtId="41" fontId="5" fillId="2" borderId="2" xfId="1" applyNumberFormat="1" applyFont="1" applyFill="1" applyBorder="1">
      <alignment vertical="center"/>
    </xf>
    <xf numFmtId="41" fontId="5" fillId="2" borderId="3" xfId="1" applyNumberFormat="1" applyFont="1" applyFill="1" applyBorder="1">
      <alignment vertical="center"/>
    </xf>
    <xf numFmtId="41" fontId="5" fillId="2" borderId="4" xfId="1" applyNumberFormat="1" applyFont="1" applyFill="1" applyBorder="1">
      <alignment vertical="center"/>
    </xf>
    <xf numFmtId="41" fontId="5" fillId="0" borderId="2" xfId="1" applyNumberFormat="1" applyFont="1" applyFill="1" applyBorder="1">
      <alignment vertical="center"/>
    </xf>
    <xf numFmtId="41" fontId="5" fillId="0" borderId="3" xfId="1" applyNumberFormat="1" applyFont="1" applyFill="1" applyBorder="1">
      <alignment vertical="center"/>
    </xf>
    <xf numFmtId="41" fontId="5" fillId="0" borderId="4" xfId="1" applyNumberFormat="1" applyFont="1" applyFill="1" applyBorder="1">
      <alignment vertical="center"/>
    </xf>
    <xf numFmtId="41" fontId="5" fillId="0" borderId="11" xfId="1" applyNumberFormat="1" applyFont="1" applyBorder="1">
      <alignment vertical="center"/>
    </xf>
    <xf numFmtId="41" fontId="5" fillId="0" borderId="2" xfId="1" applyNumberFormat="1" applyFont="1" applyBorder="1">
      <alignment vertical="center"/>
    </xf>
    <xf numFmtId="41" fontId="5" fillId="0" borderId="3" xfId="1" applyNumberFormat="1" applyFont="1" applyBorder="1">
      <alignment vertical="center"/>
    </xf>
    <xf numFmtId="41" fontId="5" fillId="0" borderId="4" xfId="1" applyNumberFormat="1" applyFont="1" applyBorder="1">
      <alignment vertical="center"/>
    </xf>
    <xf numFmtId="41" fontId="5" fillId="0" borderId="10" xfId="1" applyNumberFormat="1" applyFont="1" applyFill="1" applyBorder="1">
      <alignment vertical="center"/>
    </xf>
    <xf numFmtId="0" fontId="3" fillId="3" borderId="1" xfId="0" applyFont="1" applyFill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 wrapText="1"/>
    </xf>
    <xf numFmtId="41" fontId="5" fillId="0" borderId="16" xfId="1" applyNumberFormat="1" applyFont="1" applyBorder="1">
      <alignment vertical="center"/>
    </xf>
    <xf numFmtId="41" fontId="5" fillId="0" borderId="14" xfId="1" applyNumberFormat="1" applyFont="1" applyBorder="1">
      <alignment vertical="center"/>
    </xf>
    <xf numFmtId="0" fontId="3" fillId="0" borderId="15" xfId="0" applyFont="1" applyBorder="1" applyAlignment="1">
      <alignment vertical="center"/>
    </xf>
    <xf numFmtId="0" fontId="3" fillId="0" borderId="17" xfId="0" applyFont="1" applyBorder="1" applyAlignment="1">
      <alignment horizontal="center" vertical="center"/>
    </xf>
    <xf numFmtId="41" fontId="5" fillId="0" borderId="1" xfId="1" applyNumberFormat="1" applyFont="1" applyFill="1" applyBorder="1">
      <alignment vertical="center"/>
    </xf>
    <xf numFmtId="41" fontId="5" fillId="0" borderId="11" xfId="1" applyNumberFormat="1" applyFont="1" applyFill="1" applyBorder="1">
      <alignment vertical="center"/>
    </xf>
    <xf numFmtId="0" fontId="3" fillId="0" borderId="0" xfId="0" applyFont="1" applyFill="1">
      <alignment vertical="center"/>
    </xf>
    <xf numFmtId="41" fontId="5" fillId="0" borderId="2" xfId="1" applyNumberFormat="1" applyFont="1" applyFill="1" applyBorder="1" applyAlignment="1">
      <alignment horizontal="right" vertical="center"/>
    </xf>
    <xf numFmtId="41" fontId="5" fillId="0" borderId="3" xfId="1" applyNumberFormat="1" applyFont="1" applyFill="1" applyBorder="1" applyAlignment="1">
      <alignment horizontal="right" vertical="center"/>
    </xf>
    <xf numFmtId="41" fontId="5" fillId="0" borderId="4" xfId="1" applyNumberFormat="1" applyFont="1" applyFill="1" applyBorder="1" applyAlignment="1">
      <alignment horizontal="right" vertical="center"/>
    </xf>
    <xf numFmtId="41" fontId="5" fillId="0" borderId="17" xfId="1" applyNumberFormat="1" applyFont="1" applyFill="1" applyBorder="1" applyAlignment="1">
      <alignment horizontal="right" vertical="center"/>
    </xf>
    <xf numFmtId="41" fontId="5" fillId="0" borderId="18" xfId="1" applyNumberFormat="1" applyFont="1" applyFill="1" applyBorder="1" applyAlignment="1">
      <alignment horizontal="right" vertical="center"/>
    </xf>
    <xf numFmtId="0" fontId="4" fillId="0" borderId="0" xfId="0" applyFont="1" applyFill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9792</xdr:colOff>
      <xdr:row>32</xdr:row>
      <xdr:rowOff>143449</xdr:rowOff>
    </xdr:from>
    <xdr:to>
      <xdr:col>6</xdr:col>
      <xdr:colOff>498984</xdr:colOff>
      <xdr:row>33</xdr:row>
      <xdr:rowOff>230371</xdr:rowOff>
    </xdr:to>
    <xdr:sp macro="" textlink="">
      <xdr:nvSpPr>
        <xdr:cNvPr id="19" name="矢印: 左 18">
          <a:extLst>
            <a:ext uri="{FF2B5EF4-FFF2-40B4-BE49-F238E27FC236}">
              <a16:creationId xmlns:a16="http://schemas.microsoft.com/office/drawing/2014/main" id="{FB39E61E-8115-DC09-C9A2-4E3648FA4553}"/>
            </a:ext>
          </a:extLst>
        </xdr:cNvPr>
        <xdr:cNvSpPr/>
      </xdr:nvSpPr>
      <xdr:spPr>
        <a:xfrm rot="2148751">
          <a:off x="6686817" y="8611174"/>
          <a:ext cx="489192" cy="334572"/>
        </a:xfrm>
        <a:prstGeom prst="leftArrow">
          <a:avLst>
            <a:gd name="adj1" fmla="val 44848"/>
            <a:gd name="adj2" fmla="val 69667"/>
          </a:avLst>
        </a:prstGeom>
        <a:ln>
          <a:noFill/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 kern="1200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52E121-C700-4BB3-AB55-D8909FF11540}">
  <sheetPr>
    <pageSetUpPr fitToPage="1"/>
  </sheetPr>
  <dimension ref="A1:G36"/>
  <sheetViews>
    <sheetView showGridLines="0" tabSelected="1" view="pageBreakPreview" zoomScaleNormal="100" zoomScaleSheetLayoutView="100" workbookViewId="0">
      <selection sqref="A1:F1"/>
    </sheetView>
  </sheetViews>
  <sheetFormatPr defaultColWidth="8.75" defaultRowHeight="14.25"/>
  <cols>
    <col min="1" max="1" width="5" style="1" bestFit="1" customWidth="1"/>
    <col min="2" max="2" width="18" style="1" bestFit="1" customWidth="1"/>
    <col min="3" max="3" width="10.25" style="1" bestFit="1" customWidth="1"/>
    <col min="4" max="6" width="18.125" style="1" customWidth="1"/>
    <col min="7" max="7" width="18" style="1" bestFit="1" customWidth="1"/>
    <col min="8" max="16384" width="8.75" style="1"/>
  </cols>
  <sheetData>
    <row r="1" spans="1:6" ht="36" customHeight="1">
      <c r="A1" s="45" t="s">
        <v>8</v>
      </c>
      <c r="B1" s="45"/>
      <c r="C1" s="45"/>
      <c r="D1" s="45"/>
      <c r="E1" s="45"/>
      <c r="F1" s="45"/>
    </row>
    <row r="2" spans="1:6" ht="27" customHeight="1"/>
    <row r="3" spans="1:6" ht="18" customHeight="1">
      <c r="E3" s="2"/>
      <c r="F3" s="2" t="s">
        <v>2</v>
      </c>
    </row>
    <row r="4" spans="1:6" ht="39.950000000000003" customHeight="1">
      <c r="A4" s="29" t="s">
        <v>1</v>
      </c>
      <c r="B4" s="29" t="s">
        <v>0</v>
      </c>
      <c r="C4" s="29" t="s">
        <v>3</v>
      </c>
      <c r="D4" s="29" t="s">
        <v>17</v>
      </c>
      <c r="E4" s="29" t="s">
        <v>19</v>
      </c>
      <c r="F4" s="29" t="s">
        <v>4</v>
      </c>
    </row>
    <row r="5" spans="1:6" s="11" customFormat="1" ht="19.5" customHeight="1">
      <c r="A5" s="16">
        <v>1</v>
      </c>
      <c r="B5" s="7" t="s">
        <v>9</v>
      </c>
      <c r="C5" s="6" t="s">
        <v>4</v>
      </c>
      <c r="D5" s="17">
        <f t="shared" ref="D5:E5" si="0">SUM(D6:D8)</f>
        <v>0</v>
      </c>
      <c r="E5" s="17">
        <f t="shared" si="0"/>
        <v>0</v>
      </c>
      <c r="F5" s="37">
        <f>SUM(D5:E5)</f>
        <v>0</v>
      </c>
    </row>
    <row r="6" spans="1:6" s="11" customFormat="1" ht="19.5" customHeight="1">
      <c r="A6" s="9"/>
      <c r="B6" s="8"/>
      <c r="C6" s="3" t="s">
        <v>5</v>
      </c>
      <c r="D6" s="18"/>
      <c r="E6" s="18"/>
      <c r="F6" s="21">
        <f t="shared" ref="F6:F36" si="1">SUM(D6:E6)</f>
        <v>0</v>
      </c>
    </row>
    <row r="7" spans="1:6" s="11" customFormat="1" ht="19.5" customHeight="1">
      <c r="A7" s="9"/>
      <c r="B7" s="9"/>
      <c r="C7" s="4" t="s">
        <v>6</v>
      </c>
      <c r="D7" s="19"/>
      <c r="E7" s="19"/>
      <c r="F7" s="22">
        <f t="shared" si="1"/>
        <v>0</v>
      </c>
    </row>
    <row r="8" spans="1:6" s="11" customFormat="1" ht="19.5" customHeight="1">
      <c r="A8" s="10"/>
      <c r="B8" s="10"/>
      <c r="C8" s="5" t="s">
        <v>7</v>
      </c>
      <c r="D8" s="20"/>
      <c r="E8" s="20"/>
      <c r="F8" s="23">
        <f t="shared" si="1"/>
        <v>0</v>
      </c>
    </row>
    <row r="9" spans="1:6" s="11" customFormat="1" ht="19.5" customHeight="1">
      <c r="A9" s="16">
        <v>2</v>
      </c>
      <c r="B9" s="7" t="s">
        <v>10</v>
      </c>
      <c r="C9" s="6" t="s">
        <v>4</v>
      </c>
      <c r="D9" s="17">
        <f t="shared" ref="D9" si="2">SUM(D10:D12)</f>
        <v>0</v>
      </c>
      <c r="E9" s="17">
        <f t="shared" ref="E9" si="3">SUM(E10:E12)</f>
        <v>0</v>
      </c>
      <c r="F9" s="37">
        <f t="shared" si="1"/>
        <v>0</v>
      </c>
    </row>
    <row r="10" spans="1:6" s="11" customFormat="1" ht="19.5" customHeight="1">
      <c r="A10" s="9"/>
      <c r="B10" s="8"/>
      <c r="C10" s="3" t="s">
        <v>5</v>
      </c>
      <c r="D10" s="18"/>
      <c r="E10" s="18"/>
      <c r="F10" s="21">
        <f t="shared" si="1"/>
        <v>0</v>
      </c>
    </row>
    <row r="11" spans="1:6" s="11" customFormat="1" ht="19.5" customHeight="1">
      <c r="A11" s="9"/>
      <c r="B11" s="9"/>
      <c r="C11" s="4" t="s">
        <v>6</v>
      </c>
      <c r="D11" s="19"/>
      <c r="E11" s="19"/>
      <c r="F11" s="22">
        <f t="shared" si="1"/>
        <v>0</v>
      </c>
    </row>
    <row r="12" spans="1:6" s="11" customFormat="1" ht="19.5" customHeight="1">
      <c r="A12" s="10"/>
      <c r="B12" s="10"/>
      <c r="C12" s="5" t="s">
        <v>7</v>
      </c>
      <c r="D12" s="20"/>
      <c r="E12" s="20"/>
      <c r="F12" s="23">
        <f t="shared" si="1"/>
        <v>0</v>
      </c>
    </row>
    <row r="13" spans="1:6" s="11" customFormat="1" ht="19.5" customHeight="1">
      <c r="A13" s="16">
        <v>3</v>
      </c>
      <c r="B13" s="7" t="s">
        <v>11</v>
      </c>
      <c r="C13" s="6" t="s">
        <v>4</v>
      </c>
      <c r="D13" s="17">
        <f t="shared" ref="D13" si="4">SUM(D14:D16)</f>
        <v>0</v>
      </c>
      <c r="E13" s="17">
        <f t="shared" ref="E13" si="5">SUM(E14:E16)</f>
        <v>0</v>
      </c>
      <c r="F13" s="37">
        <f t="shared" si="1"/>
        <v>0</v>
      </c>
    </row>
    <row r="14" spans="1:6" s="11" customFormat="1" ht="19.5" customHeight="1">
      <c r="A14" s="9"/>
      <c r="B14" s="8"/>
      <c r="C14" s="3" t="s">
        <v>5</v>
      </c>
      <c r="D14" s="18"/>
      <c r="E14" s="18"/>
      <c r="F14" s="21">
        <f t="shared" si="1"/>
        <v>0</v>
      </c>
    </row>
    <row r="15" spans="1:6" s="11" customFormat="1" ht="19.5" customHeight="1">
      <c r="A15" s="9"/>
      <c r="B15" s="9"/>
      <c r="C15" s="4" t="s">
        <v>6</v>
      </c>
      <c r="D15" s="19"/>
      <c r="E15" s="19"/>
      <c r="F15" s="22">
        <f t="shared" si="1"/>
        <v>0</v>
      </c>
    </row>
    <row r="16" spans="1:6" s="11" customFormat="1" ht="19.5" customHeight="1">
      <c r="A16" s="10"/>
      <c r="B16" s="10"/>
      <c r="C16" s="5" t="s">
        <v>7</v>
      </c>
      <c r="D16" s="20"/>
      <c r="E16" s="20"/>
      <c r="F16" s="23">
        <f t="shared" si="1"/>
        <v>0</v>
      </c>
    </row>
    <row r="17" spans="1:6" s="11" customFormat="1" ht="19.5" customHeight="1">
      <c r="A17" s="16">
        <v>4</v>
      </c>
      <c r="B17" s="7" t="s">
        <v>12</v>
      </c>
      <c r="C17" s="6" t="s">
        <v>4</v>
      </c>
      <c r="D17" s="17">
        <f t="shared" ref="D17" si="6">SUM(D18:D20)</f>
        <v>0</v>
      </c>
      <c r="E17" s="17">
        <f t="shared" ref="E17" si="7">SUM(E18:E20)</f>
        <v>0</v>
      </c>
      <c r="F17" s="37">
        <f t="shared" si="1"/>
        <v>0</v>
      </c>
    </row>
    <row r="18" spans="1:6" s="11" customFormat="1" ht="19.5" customHeight="1">
      <c r="A18" s="9"/>
      <c r="B18" s="8"/>
      <c r="C18" s="3" t="s">
        <v>5</v>
      </c>
      <c r="D18" s="18"/>
      <c r="E18" s="18"/>
      <c r="F18" s="21">
        <f t="shared" si="1"/>
        <v>0</v>
      </c>
    </row>
    <row r="19" spans="1:6" s="11" customFormat="1" ht="19.5" customHeight="1">
      <c r="A19" s="9"/>
      <c r="B19" s="9"/>
      <c r="C19" s="4" t="s">
        <v>6</v>
      </c>
      <c r="D19" s="19"/>
      <c r="E19" s="19"/>
      <c r="F19" s="22">
        <f t="shared" si="1"/>
        <v>0</v>
      </c>
    </row>
    <row r="20" spans="1:6" s="11" customFormat="1" ht="19.5" customHeight="1">
      <c r="A20" s="10"/>
      <c r="B20" s="10"/>
      <c r="C20" s="5" t="s">
        <v>7</v>
      </c>
      <c r="D20" s="20"/>
      <c r="E20" s="20"/>
      <c r="F20" s="23">
        <f t="shared" si="1"/>
        <v>0</v>
      </c>
    </row>
    <row r="21" spans="1:6" s="11" customFormat="1" ht="19.5" customHeight="1">
      <c r="A21" s="16">
        <v>5</v>
      </c>
      <c r="B21" s="7" t="s">
        <v>13</v>
      </c>
      <c r="C21" s="6" t="s">
        <v>4</v>
      </c>
      <c r="D21" s="17">
        <f t="shared" ref="D21" si="8">SUM(D22:D24)</f>
        <v>0</v>
      </c>
      <c r="E21" s="17">
        <f t="shared" ref="E21" si="9">SUM(E22:E24)</f>
        <v>0</v>
      </c>
      <c r="F21" s="37">
        <f t="shared" si="1"/>
        <v>0</v>
      </c>
    </row>
    <row r="22" spans="1:6" s="11" customFormat="1" ht="19.5" customHeight="1">
      <c r="A22" s="9"/>
      <c r="B22" s="8"/>
      <c r="C22" s="3" t="s">
        <v>5</v>
      </c>
      <c r="D22" s="18"/>
      <c r="E22" s="40" t="s">
        <v>20</v>
      </c>
      <c r="F22" s="21">
        <f t="shared" si="1"/>
        <v>0</v>
      </c>
    </row>
    <row r="23" spans="1:6" s="11" customFormat="1" ht="19.5" customHeight="1">
      <c r="A23" s="9"/>
      <c r="B23" s="9"/>
      <c r="C23" s="4" t="s">
        <v>6</v>
      </c>
      <c r="D23" s="19"/>
      <c r="E23" s="41" t="s">
        <v>20</v>
      </c>
      <c r="F23" s="22">
        <f t="shared" si="1"/>
        <v>0</v>
      </c>
    </row>
    <row r="24" spans="1:6" s="11" customFormat="1" ht="19.5" customHeight="1">
      <c r="A24" s="10"/>
      <c r="B24" s="10"/>
      <c r="C24" s="5" t="s">
        <v>7</v>
      </c>
      <c r="D24" s="20"/>
      <c r="E24" s="42" t="s">
        <v>20</v>
      </c>
      <c r="F24" s="23">
        <f t="shared" si="1"/>
        <v>0</v>
      </c>
    </row>
    <row r="25" spans="1:6" s="11" customFormat="1" ht="19.5" customHeight="1">
      <c r="A25" s="16">
        <v>6</v>
      </c>
      <c r="B25" s="7" t="s">
        <v>14</v>
      </c>
      <c r="C25" s="6" t="s">
        <v>4</v>
      </c>
      <c r="D25" s="17">
        <f t="shared" ref="D25" si="10">SUM(D26:D28)</f>
        <v>0</v>
      </c>
      <c r="E25" s="17">
        <f t="shared" ref="E25" si="11">SUM(E26:E28)</f>
        <v>0</v>
      </c>
      <c r="F25" s="37">
        <f t="shared" si="1"/>
        <v>0</v>
      </c>
    </row>
    <row r="26" spans="1:6" s="11" customFormat="1" ht="19.5" customHeight="1">
      <c r="A26" s="9"/>
      <c r="B26" s="8"/>
      <c r="C26" s="3" t="s">
        <v>5</v>
      </c>
      <c r="D26" s="18"/>
      <c r="E26" s="18"/>
      <c r="F26" s="21">
        <f t="shared" si="1"/>
        <v>0</v>
      </c>
    </row>
    <row r="27" spans="1:6" s="11" customFormat="1" ht="19.5" customHeight="1">
      <c r="A27" s="9"/>
      <c r="B27" s="9"/>
      <c r="C27" s="4" t="s">
        <v>6</v>
      </c>
      <c r="D27" s="19"/>
      <c r="E27" s="19"/>
      <c r="F27" s="22">
        <f t="shared" si="1"/>
        <v>0</v>
      </c>
    </row>
    <row r="28" spans="1:6" s="11" customFormat="1" ht="19.5" customHeight="1">
      <c r="A28" s="10"/>
      <c r="B28" s="10"/>
      <c r="C28" s="5" t="s">
        <v>7</v>
      </c>
      <c r="D28" s="20"/>
      <c r="E28" s="20"/>
      <c r="F28" s="23">
        <f t="shared" si="1"/>
        <v>0</v>
      </c>
    </row>
    <row r="29" spans="1:6" s="11" customFormat="1" ht="19.5" customHeight="1">
      <c r="A29" s="16">
        <v>7</v>
      </c>
      <c r="B29" s="7" t="s">
        <v>15</v>
      </c>
      <c r="C29" s="6" t="s">
        <v>4</v>
      </c>
      <c r="D29" s="17">
        <f t="shared" ref="D29" si="12">SUM(D30:D32)</f>
        <v>0</v>
      </c>
      <c r="E29" s="17">
        <f t="shared" ref="E29" si="13">SUM(E30:E32)</f>
        <v>0</v>
      </c>
      <c r="F29" s="37">
        <f t="shared" si="1"/>
        <v>0</v>
      </c>
    </row>
    <row r="30" spans="1:6" s="11" customFormat="1" ht="19.5" customHeight="1">
      <c r="A30" s="9"/>
      <c r="B30" s="8"/>
      <c r="C30" s="3" t="s">
        <v>5</v>
      </c>
      <c r="D30" s="18"/>
      <c r="E30" s="18"/>
      <c r="F30" s="21">
        <f t="shared" si="1"/>
        <v>0</v>
      </c>
    </row>
    <row r="31" spans="1:6" s="11" customFormat="1" ht="19.5" customHeight="1">
      <c r="A31" s="9"/>
      <c r="B31" s="9"/>
      <c r="C31" s="4" t="s">
        <v>6</v>
      </c>
      <c r="D31" s="41" t="s">
        <v>20</v>
      </c>
      <c r="E31" s="41" t="s">
        <v>20</v>
      </c>
      <c r="F31" s="41" t="s">
        <v>20</v>
      </c>
    </row>
    <row r="32" spans="1:6" s="11" customFormat="1" ht="19.5" customHeight="1" thickBot="1">
      <c r="A32" s="35"/>
      <c r="B32" s="35"/>
      <c r="C32" s="36" t="s">
        <v>7</v>
      </c>
      <c r="D32" s="43" t="s">
        <v>20</v>
      </c>
      <c r="E32" s="43" t="s">
        <v>20</v>
      </c>
      <c r="F32" s="44" t="s">
        <v>20</v>
      </c>
    </row>
    <row r="33" spans="1:7" s="11" customFormat="1" ht="19.5" customHeight="1" thickTop="1" thickBot="1">
      <c r="A33" s="30"/>
      <c r="B33" s="31"/>
      <c r="C33" s="32" t="s">
        <v>4</v>
      </c>
      <c r="D33" s="33">
        <f t="shared" ref="D33" si="14">IF(SUM(D5,D9,D13,D17,D21,D25,D29)=SUM(D34:D36),SUM(D34:D36),"エラー")</f>
        <v>0</v>
      </c>
      <c r="E33" s="34">
        <f>IF(SUM(E5,E9,E13,E17,E21,E25,E29)=SUM(E34:E36),SUM(E34:E36),"エラー")</f>
        <v>0</v>
      </c>
      <c r="F33" s="28">
        <f t="shared" si="1"/>
        <v>0</v>
      </c>
    </row>
    <row r="34" spans="1:7" s="11" customFormat="1" ht="19.5" customHeight="1" thickTop="1">
      <c r="A34" s="12"/>
      <c r="B34" s="13"/>
      <c r="C34" s="3" t="s">
        <v>5</v>
      </c>
      <c r="D34" s="24">
        <f t="shared" ref="D34:E34" si="15">SUM(D6,D10,D14,D18,D22,D26,D30)</f>
        <v>0</v>
      </c>
      <c r="E34" s="25">
        <f t="shared" si="15"/>
        <v>0</v>
      </c>
      <c r="F34" s="38">
        <f t="shared" si="1"/>
        <v>0</v>
      </c>
    </row>
    <row r="35" spans="1:7" s="11" customFormat="1" ht="19.5" customHeight="1">
      <c r="A35" s="12"/>
      <c r="B35" s="13"/>
      <c r="C35" s="4" t="s">
        <v>6</v>
      </c>
      <c r="D35" s="26">
        <f t="shared" ref="D35:E35" si="16">SUM(D7,D11,D15,D19,D23,D27,D31)</f>
        <v>0</v>
      </c>
      <c r="E35" s="26">
        <f t="shared" si="16"/>
        <v>0</v>
      </c>
      <c r="F35" s="22">
        <f t="shared" si="1"/>
        <v>0</v>
      </c>
      <c r="G35" s="39" t="s">
        <v>18</v>
      </c>
    </row>
    <row r="36" spans="1:7" s="11" customFormat="1" ht="19.5" customHeight="1">
      <c r="A36" s="14"/>
      <c r="B36" s="15"/>
      <c r="C36" s="5" t="s">
        <v>7</v>
      </c>
      <c r="D36" s="27">
        <f t="shared" ref="D36:E36" si="17">SUM(D8,D12,D16,D20,D24,D28,D32)</f>
        <v>0</v>
      </c>
      <c r="E36" s="27">
        <f t="shared" si="17"/>
        <v>0</v>
      </c>
      <c r="F36" s="23">
        <f t="shared" si="1"/>
        <v>0</v>
      </c>
      <c r="G36" s="39" t="s">
        <v>16</v>
      </c>
    </row>
  </sheetData>
  <mergeCells count="1">
    <mergeCell ref="A1:F1"/>
  </mergeCells>
  <phoneticPr fontId="2"/>
  <dataValidations count="1">
    <dataValidation type="custom" allowBlank="1" showInputMessage="1" showErrorMessage="1" sqref="E22:E24 D31:F32" xr:uid="{2D1C52C8-7C1C-4C63-A4F0-9D56CFFE6EDE}">
      <formula1>"✖"</formula1>
    </dataValidation>
  </dataValidations>
  <printOptions horizontalCentered="1"/>
  <pageMargins left="0.39370078740157483" right="0.39370078740157483" top="0.98425196850393704" bottom="0.98425196850393704" header="0.51181102362204722" footer="0.51181102362204722"/>
  <pageSetup paperSize="9" scale="84" fitToHeight="0" orientation="portrait" cellComments="asDisplayed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物件番号２</vt:lpstr>
      <vt:lpstr>入札物件番号２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総務室 藤</cp:lastModifiedBy>
  <cp:lastPrinted>2026-01-21T02:35:53Z</cp:lastPrinted>
  <dcterms:created xsi:type="dcterms:W3CDTF">2010-10-29T08:37:40Z</dcterms:created>
  <dcterms:modified xsi:type="dcterms:W3CDTF">2026-01-28T04:30:23Z</dcterms:modified>
</cp:coreProperties>
</file>